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１　一般状況\ＸＬＳ\"/>
    </mc:Choice>
  </mc:AlternateContent>
  <bookViews>
    <workbookView xWindow="0" yWindow="0" windowWidth="20490" windowHeight="7185"/>
  </bookViews>
  <sheets>
    <sheet name="第5表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第5表!$A$1:$Q$47</definedName>
    <definedName name="_xlnm.Print_Titles" localSheetId="0">第5表!$A:$B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60">
  <si>
    <t>第５表　被保険者数の増減内訳</t>
    <phoneticPr fontId="1"/>
  </si>
  <si>
    <t xml:space="preserve">       (単位:人)</t>
  </si>
  <si>
    <t>保険者名</t>
  </si>
  <si>
    <t>本　　年　　度　　中　　増</t>
  </si>
  <si>
    <t>本　　年　　度　　中　　減</t>
    <phoneticPr fontId="1"/>
  </si>
  <si>
    <t>増減</t>
    <phoneticPr fontId="1"/>
  </si>
  <si>
    <t>転入</t>
    <phoneticPr fontId="1"/>
  </si>
  <si>
    <t>社保
離脱</t>
    <phoneticPr fontId="1"/>
  </si>
  <si>
    <t>生保
廃止</t>
    <phoneticPr fontId="1"/>
  </si>
  <si>
    <t>出生</t>
    <phoneticPr fontId="1"/>
  </si>
  <si>
    <t>後期　　離脱</t>
    <rPh sb="0" eb="2">
      <t>コウキ</t>
    </rPh>
    <rPh sb="4" eb="6">
      <t>リダツ</t>
    </rPh>
    <phoneticPr fontId="1"/>
  </si>
  <si>
    <t>その他</t>
  </si>
  <si>
    <t>計</t>
  </si>
  <si>
    <t>転出</t>
    <phoneticPr fontId="1"/>
  </si>
  <si>
    <t>社保
加入</t>
    <phoneticPr fontId="1"/>
  </si>
  <si>
    <t>生保
開始</t>
    <phoneticPr fontId="1"/>
  </si>
  <si>
    <t>死亡</t>
    <phoneticPr fontId="1"/>
  </si>
  <si>
    <t>後期　　加入</t>
    <rPh sb="0" eb="2">
      <t>コウキ</t>
    </rPh>
    <rPh sb="4" eb="6">
      <t>カニュウ</t>
    </rPh>
    <phoneticPr fontId="1"/>
  </si>
  <si>
    <t xml:space="preserve"> 横浜市</t>
    <phoneticPr fontId="1"/>
  </si>
  <si>
    <t xml:space="preserve"> 川崎市</t>
    <phoneticPr fontId="1"/>
  </si>
  <si>
    <t xml:space="preserve"> 横須賀市</t>
    <phoneticPr fontId="1"/>
  </si>
  <si>
    <t xml:space="preserve"> 平塚市</t>
    <phoneticPr fontId="1"/>
  </si>
  <si>
    <t xml:space="preserve"> 鎌倉市</t>
    <phoneticPr fontId="1"/>
  </si>
  <si>
    <t xml:space="preserve"> 藤沢市</t>
    <phoneticPr fontId="1"/>
  </si>
  <si>
    <t xml:space="preserve"> 小田原市</t>
    <phoneticPr fontId="1"/>
  </si>
  <si>
    <t xml:space="preserve"> 茅ヶ崎市</t>
    <phoneticPr fontId="1"/>
  </si>
  <si>
    <t xml:space="preserve"> 逗子市</t>
    <phoneticPr fontId="1"/>
  </si>
  <si>
    <t xml:space="preserve"> 相模原市</t>
    <phoneticPr fontId="1"/>
  </si>
  <si>
    <t xml:space="preserve"> 三浦市</t>
    <phoneticPr fontId="1"/>
  </si>
  <si>
    <t xml:space="preserve"> 秦野市</t>
    <phoneticPr fontId="1"/>
  </si>
  <si>
    <t xml:space="preserve"> 厚木市</t>
    <phoneticPr fontId="1"/>
  </si>
  <si>
    <t xml:space="preserve"> 大和市</t>
    <phoneticPr fontId="1"/>
  </si>
  <si>
    <t xml:space="preserve"> 伊勢原市</t>
    <phoneticPr fontId="1"/>
  </si>
  <si>
    <t xml:space="preserve"> 海老名市</t>
    <phoneticPr fontId="1"/>
  </si>
  <si>
    <t xml:space="preserve"> 座間市</t>
    <phoneticPr fontId="1"/>
  </si>
  <si>
    <t xml:space="preserve"> 南足柄市</t>
    <phoneticPr fontId="1"/>
  </si>
  <si>
    <t xml:space="preserve"> 綾瀬市</t>
    <phoneticPr fontId="1"/>
  </si>
  <si>
    <t xml:space="preserve"> 葉山町</t>
    <phoneticPr fontId="1"/>
  </si>
  <si>
    <t xml:space="preserve"> 寒川町</t>
    <phoneticPr fontId="1"/>
  </si>
  <si>
    <t xml:space="preserve"> 大磯町</t>
    <phoneticPr fontId="1"/>
  </si>
  <si>
    <t xml:space="preserve"> 二宮町</t>
    <phoneticPr fontId="1"/>
  </si>
  <si>
    <t xml:space="preserve"> 中井町</t>
    <phoneticPr fontId="1"/>
  </si>
  <si>
    <t xml:space="preserve"> 大井町</t>
    <phoneticPr fontId="1"/>
  </si>
  <si>
    <t xml:space="preserve"> 松田町</t>
    <phoneticPr fontId="1"/>
  </si>
  <si>
    <t xml:space="preserve"> 山北町</t>
    <phoneticPr fontId="1"/>
  </si>
  <si>
    <t xml:space="preserve"> 開成町</t>
    <phoneticPr fontId="1"/>
  </si>
  <si>
    <t xml:space="preserve"> 箱根町</t>
    <phoneticPr fontId="1"/>
  </si>
  <si>
    <t xml:space="preserve"> 真鶴町</t>
    <phoneticPr fontId="1"/>
  </si>
  <si>
    <t xml:space="preserve"> 湯河原町</t>
    <phoneticPr fontId="1"/>
  </si>
  <si>
    <t xml:space="preserve"> 愛川町</t>
    <phoneticPr fontId="1"/>
  </si>
  <si>
    <t xml:space="preserve"> 清川村</t>
    <phoneticPr fontId="1"/>
  </si>
  <si>
    <t>市町村計</t>
  </si>
  <si>
    <t xml:space="preserve"> 医　師</t>
    <phoneticPr fontId="1"/>
  </si>
  <si>
    <t xml:space="preserve"> 歯科医師</t>
    <phoneticPr fontId="1"/>
  </si>
  <si>
    <t xml:space="preserve"> 食品衛生</t>
    <phoneticPr fontId="1"/>
  </si>
  <si>
    <t xml:space="preserve"> 薬剤師</t>
    <phoneticPr fontId="1"/>
  </si>
  <si>
    <t xml:space="preserve"> 建設業</t>
    <phoneticPr fontId="1"/>
  </si>
  <si>
    <t xml:space="preserve"> 建設連合</t>
    <phoneticPr fontId="1"/>
  </si>
  <si>
    <t>組  合  計</t>
    <phoneticPr fontId="1"/>
  </si>
  <si>
    <t>県      　　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6"/>
      <name val="ＭＳ 明朝"/>
      <family val="2"/>
      <charset val="128"/>
    </font>
    <font>
      <sz val="10"/>
      <name val="ＭＳ Ｐゴシック"/>
      <family val="3"/>
      <charset val="128"/>
    </font>
    <font>
      <u/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9"/>
      <name val="ＭＳ Ｐゴシック"/>
      <family val="3"/>
      <charset val="128"/>
    </font>
    <font>
      <sz val="10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0" fontId="1" fillId="0" borderId="0"/>
    <xf numFmtId="0" fontId="1" fillId="0" borderId="0"/>
  </cellStyleXfs>
  <cellXfs count="57">
    <xf numFmtId="0" fontId="0" fillId="0" borderId="0" xfId="0"/>
    <xf numFmtId="0" fontId="2" fillId="0" borderId="0" xfId="2" applyFont="1" applyBorder="1" applyAlignment="1" applyProtection="1">
      <alignment horizontal="left" vertical="center"/>
    </xf>
    <xf numFmtId="0" fontId="4" fillId="0" borderId="0" xfId="2" applyFont="1" applyBorder="1" applyAlignment="1" applyProtection="1">
      <alignment horizontal="left" vertical="center"/>
    </xf>
    <xf numFmtId="38" fontId="4" fillId="0" borderId="0" xfId="1" applyFont="1" applyBorder="1" applyAlignment="1" applyProtection="1">
      <alignment horizontal="left" vertical="center"/>
    </xf>
    <xf numFmtId="0" fontId="4" fillId="0" borderId="0" xfId="2" applyFont="1" applyAlignment="1">
      <alignment vertical="center"/>
    </xf>
    <xf numFmtId="38" fontId="5" fillId="0" borderId="0" xfId="1" applyFont="1" applyBorder="1" applyAlignment="1" applyProtection="1">
      <alignment vertical="center"/>
    </xf>
    <xf numFmtId="38" fontId="4" fillId="0" borderId="0" xfId="1" applyFont="1" applyBorder="1" applyAlignment="1">
      <alignment vertical="center"/>
    </xf>
    <xf numFmtId="38" fontId="4" fillId="0" borderId="0" xfId="1" applyFont="1" applyBorder="1" applyAlignment="1" applyProtection="1">
      <alignment horizontal="right" vertical="center"/>
    </xf>
    <xf numFmtId="38" fontId="4" fillId="0" borderId="12" xfId="1" applyFont="1" applyBorder="1" applyAlignment="1" applyProtection="1">
      <alignment horizontal="distributed" vertical="center" justifyLastLine="1"/>
    </xf>
    <xf numFmtId="38" fontId="4" fillId="0" borderId="12" xfId="1" applyFont="1" applyBorder="1" applyAlignment="1" applyProtection="1">
      <alignment horizontal="distributed" vertical="center" wrapText="1" justifyLastLine="1"/>
    </xf>
    <xf numFmtId="38" fontId="4" fillId="0" borderId="10" xfId="1" applyFont="1" applyBorder="1" applyAlignment="1" applyProtection="1">
      <alignment horizontal="distributed" vertical="center" justifyLastLine="1"/>
    </xf>
    <xf numFmtId="0" fontId="4" fillId="0" borderId="5" xfId="2" applyFont="1" applyBorder="1" applyAlignment="1" applyProtection="1">
      <alignment vertical="center"/>
    </xf>
    <xf numFmtId="0" fontId="6" fillId="0" borderId="7" xfId="2" applyFont="1" applyBorder="1" applyAlignment="1" applyProtection="1">
      <alignment horizontal="left" vertical="center"/>
    </xf>
    <xf numFmtId="38" fontId="4" fillId="0" borderId="7" xfId="1" quotePrefix="1" applyFont="1" applyBorder="1" applyAlignment="1" applyProtection="1">
      <alignment vertical="center"/>
    </xf>
    <xf numFmtId="38" fontId="4" fillId="0" borderId="7" xfId="1" applyFont="1" applyBorder="1" applyAlignment="1" applyProtection="1">
      <alignment vertical="center"/>
    </xf>
    <xf numFmtId="38" fontId="4" fillId="0" borderId="9" xfId="1" quotePrefix="1" applyFont="1" applyBorder="1" applyAlignment="1" applyProtection="1">
      <alignment vertical="center"/>
    </xf>
    <xf numFmtId="38" fontId="4" fillId="0" borderId="9" xfId="1" applyFont="1" applyBorder="1" applyAlignment="1" applyProtection="1">
      <alignment vertical="center"/>
    </xf>
    <xf numFmtId="0" fontId="4" fillId="0" borderId="10" xfId="2" applyFont="1" applyBorder="1" applyAlignment="1" applyProtection="1">
      <alignment vertical="center"/>
    </xf>
    <xf numFmtId="0" fontId="6" fillId="0" borderId="12" xfId="2" applyFont="1" applyBorder="1" applyAlignment="1" applyProtection="1">
      <alignment horizontal="left" vertical="center"/>
    </xf>
    <xf numFmtId="38" fontId="4" fillId="0" borderId="12" xfId="1" applyFont="1" applyBorder="1" applyAlignment="1" applyProtection="1">
      <alignment vertical="center"/>
    </xf>
    <xf numFmtId="38" fontId="4" fillId="0" borderId="10" xfId="1" applyFont="1" applyBorder="1" applyAlignment="1" applyProtection="1">
      <alignment vertical="center"/>
    </xf>
    <xf numFmtId="38" fontId="4" fillId="0" borderId="17" xfId="1" applyFont="1" applyBorder="1" applyAlignment="1" applyProtection="1">
      <alignment vertical="center"/>
    </xf>
    <xf numFmtId="38" fontId="4" fillId="0" borderId="15" xfId="1" applyFont="1" applyBorder="1" applyAlignment="1" applyProtection="1">
      <alignment vertical="center"/>
    </xf>
    <xf numFmtId="0" fontId="7" fillId="0" borderId="5" xfId="2" applyFont="1" applyBorder="1" applyAlignment="1" applyProtection="1">
      <alignment horizontal="center" vertical="center"/>
    </xf>
    <xf numFmtId="0" fontId="4" fillId="0" borderId="7" xfId="2" applyFont="1" applyBorder="1" applyAlignment="1" applyProtection="1">
      <alignment horizontal="left" vertical="center"/>
    </xf>
    <xf numFmtId="0" fontId="7" fillId="0" borderId="10" xfId="2" applyFont="1" applyBorder="1" applyAlignment="1" applyProtection="1">
      <alignment horizontal="center" vertical="center"/>
    </xf>
    <xf numFmtId="0" fontId="4" fillId="0" borderId="12" xfId="2" applyFont="1" applyBorder="1" applyAlignment="1" applyProtection="1">
      <alignment horizontal="left" vertical="center"/>
    </xf>
    <xf numFmtId="38" fontId="4" fillId="0" borderId="10" xfId="1" applyFont="1" applyBorder="1" applyAlignment="1" applyProtection="1">
      <alignment horizontal="right" vertical="center"/>
    </xf>
    <xf numFmtId="38" fontId="4" fillId="0" borderId="21" xfId="1" applyFont="1" applyBorder="1" applyAlignment="1" applyProtection="1">
      <alignment vertical="center"/>
    </xf>
    <xf numFmtId="38" fontId="4" fillId="0" borderId="22" xfId="1" applyFont="1" applyBorder="1" applyAlignment="1" applyProtection="1">
      <alignment vertical="center"/>
    </xf>
    <xf numFmtId="0" fontId="4" fillId="0" borderId="0" xfId="2" applyFont="1"/>
    <xf numFmtId="38" fontId="4" fillId="0" borderId="0" xfId="1" applyFont="1"/>
    <xf numFmtId="0" fontId="8" fillId="0" borderId="0" xfId="3" applyFont="1" applyAlignment="1">
      <alignment vertical="center"/>
    </xf>
    <xf numFmtId="0" fontId="4" fillId="0" borderId="19" xfId="2" applyFont="1" applyBorder="1" applyAlignment="1">
      <alignment horizontal="distributed" vertical="center" justifyLastLine="1"/>
    </xf>
    <xf numFmtId="0" fontId="4" fillId="0" borderId="20" xfId="0" applyFont="1" applyBorder="1" applyAlignment="1">
      <alignment horizontal="distributed" vertical="center" justifyLastLine="1"/>
    </xf>
    <xf numFmtId="0" fontId="4" fillId="0" borderId="1" xfId="0" applyFont="1" applyBorder="1" applyAlignment="1">
      <alignment horizontal="distributed" vertical="center" justifyLastLine="1"/>
    </xf>
    <xf numFmtId="0" fontId="4" fillId="0" borderId="2" xfId="0" applyFont="1" applyBorder="1" applyAlignment="1">
      <alignment horizontal="distributed" vertical="center" justifyLastLine="1"/>
    </xf>
    <xf numFmtId="0" fontId="4" fillId="0" borderId="5" xfId="0" applyFont="1" applyBorder="1" applyAlignment="1">
      <alignment horizontal="distributed" vertical="center" justifyLastLine="1"/>
    </xf>
    <xf numFmtId="0" fontId="4" fillId="0" borderId="6" xfId="0" applyFont="1" applyBorder="1" applyAlignment="1">
      <alignment horizontal="distributed" vertical="center" justifyLastLine="1"/>
    </xf>
    <xf numFmtId="0" fontId="4" fillId="0" borderId="10" xfId="0" applyFont="1" applyBorder="1" applyAlignment="1">
      <alignment horizontal="distributed" vertical="center" justifyLastLine="1"/>
    </xf>
    <xf numFmtId="0" fontId="4" fillId="0" borderId="11" xfId="0" applyFont="1" applyBorder="1" applyAlignment="1">
      <alignment horizontal="distributed" vertical="center" justifyLastLine="1"/>
    </xf>
    <xf numFmtId="38" fontId="4" fillId="0" borderId="3" xfId="1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5" xfId="2" applyFont="1" applyBorder="1" applyAlignment="1">
      <alignment horizontal="distributed" vertical="center" justifyLastLine="1"/>
    </xf>
    <xf numFmtId="0" fontId="4" fillId="0" borderId="16" xfId="0" applyFont="1" applyBorder="1" applyAlignment="1">
      <alignment horizontal="distributed" vertical="center" justifyLastLine="1"/>
    </xf>
    <xf numFmtId="38" fontId="4" fillId="0" borderId="7" xfId="1" applyFont="1" applyBorder="1" applyAlignment="1" applyProtection="1">
      <alignment horizontal="right" vertical="center"/>
    </xf>
    <xf numFmtId="38" fontId="4" fillId="0" borderId="24" xfId="1" applyFont="1" applyBorder="1" applyAlignment="1">
      <alignment horizontal="distributed" vertical="center" justifyLastLine="1"/>
    </xf>
    <xf numFmtId="38" fontId="4" fillId="0" borderId="25" xfId="1" applyFont="1" applyBorder="1" applyAlignment="1">
      <alignment horizontal="distributed" vertical="center" justifyLastLine="1"/>
    </xf>
    <xf numFmtId="38" fontId="4" fillId="0" borderId="13" xfId="1" applyFont="1" applyBorder="1" applyAlignment="1">
      <alignment horizontal="distributed" vertical="center" justifyLastLine="1"/>
    </xf>
    <xf numFmtId="3" fontId="4" fillId="0" borderId="14" xfId="1" applyNumberFormat="1" applyFont="1" applyBorder="1" applyAlignment="1" applyProtection="1">
      <alignment vertical="center"/>
    </xf>
    <xf numFmtId="3" fontId="4" fillId="0" borderId="13" xfId="1" applyNumberFormat="1" applyFont="1" applyBorder="1" applyAlignment="1" applyProtection="1">
      <alignment vertical="center"/>
    </xf>
    <xf numFmtId="3" fontId="4" fillId="0" borderId="18" xfId="1" applyNumberFormat="1" applyFont="1" applyBorder="1" applyAlignment="1" applyProtection="1">
      <alignment vertical="center"/>
    </xf>
    <xf numFmtId="3" fontId="4" fillId="0" borderId="23" xfId="1" applyNumberFormat="1" applyFont="1" applyBorder="1" applyAlignment="1" applyProtection="1">
      <alignment vertical="center"/>
    </xf>
  </cellXfs>
  <cellStyles count="4">
    <cellStyle name="桁区切り" xfId="1" builtinId="6"/>
    <cellStyle name="標準" xfId="0" builtinId="0"/>
    <cellStyle name="標準_第５表" xfId="2"/>
    <cellStyle name="標準_第７表 (2)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50"/>
  <sheetViews>
    <sheetView tabSelected="1" view="pageBreakPreview" zoomScaleNormal="100" workbookViewId="0">
      <selection activeCell="P13" sqref="P13"/>
    </sheetView>
  </sheetViews>
  <sheetFormatPr defaultRowHeight="12" x14ac:dyDescent="0.15"/>
  <cols>
    <col min="1" max="1" width="3.75" style="30" customWidth="1"/>
    <col min="2" max="2" width="9.375" style="30" customWidth="1"/>
    <col min="3" max="4" width="6.875" style="31" customWidth="1"/>
    <col min="5" max="6" width="6.375" style="31" customWidth="1"/>
    <col min="7" max="7" width="6.125" style="31" customWidth="1"/>
    <col min="8" max="8" width="6.875" style="31" customWidth="1"/>
    <col min="9" max="9" width="8.625" style="31" customWidth="1"/>
    <col min="10" max="10" width="6.875" style="31" customWidth="1"/>
    <col min="11" max="11" width="7" style="31" customWidth="1"/>
    <col min="12" max="12" width="6.75" style="31" customWidth="1"/>
    <col min="13" max="13" width="6.375" style="31" customWidth="1"/>
    <col min="14" max="14" width="6.875" style="31" customWidth="1"/>
    <col min="15" max="15" width="6.25" style="31" customWidth="1"/>
    <col min="16" max="17" width="8.625" style="31" customWidth="1"/>
    <col min="18" max="16384" width="9" style="30"/>
  </cols>
  <sheetData>
    <row r="1" spans="1:17" s="4" customFormat="1" ht="18" customHeight="1" x14ac:dyDescent="0.15">
      <c r="A1" s="1" t="s">
        <v>0</v>
      </c>
      <c r="B1" s="2"/>
      <c r="C1" s="3"/>
      <c r="E1" s="5"/>
      <c r="F1" s="3"/>
      <c r="G1" s="3"/>
      <c r="H1" s="6"/>
      <c r="I1" s="6"/>
      <c r="J1" s="6"/>
      <c r="K1" s="6"/>
      <c r="L1" s="6"/>
      <c r="M1" s="6"/>
      <c r="N1" s="6"/>
      <c r="O1" s="6"/>
      <c r="Q1" s="7"/>
    </row>
    <row r="2" spans="1:17" s="4" customFormat="1" ht="12.75" thickBot="1" x14ac:dyDescent="0.2">
      <c r="A2" s="2"/>
      <c r="B2" s="2"/>
      <c r="C2" s="3"/>
      <c r="E2" s="5"/>
      <c r="F2" s="3"/>
      <c r="G2" s="3"/>
      <c r="H2" s="6"/>
      <c r="I2" s="6"/>
      <c r="J2" s="6"/>
      <c r="K2" s="6"/>
      <c r="L2" s="6"/>
      <c r="M2" s="6"/>
      <c r="N2" s="6"/>
      <c r="O2" s="6"/>
      <c r="Q2" s="7" t="s">
        <v>1</v>
      </c>
    </row>
    <row r="3" spans="1:17" s="4" customFormat="1" ht="12" customHeight="1" x14ac:dyDescent="0.15">
      <c r="A3" s="35" t="s">
        <v>2</v>
      </c>
      <c r="B3" s="36"/>
      <c r="C3" s="41" t="s">
        <v>3</v>
      </c>
      <c r="D3" s="42"/>
      <c r="E3" s="42"/>
      <c r="F3" s="42"/>
      <c r="G3" s="42"/>
      <c r="H3" s="42"/>
      <c r="I3" s="42"/>
      <c r="J3" s="45" t="s">
        <v>4</v>
      </c>
      <c r="K3" s="42"/>
      <c r="L3" s="42"/>
      <c r="M3" s="42"/>
      <c r="N3" s="42"/>
      <c r="O3" s="42"/>
      <c r="P3" s="42"/>
      <c r="Q3" s="50" t="s">
        <v>5</v>
      </c>
    </row>
    <row r="4" spans="1:17" s="4" customFormat="1" ht="12" customHeight="1" x14ac:dyDescent="0.15">
      <c r="A4" s="37"/>
      <c r="B4" s="38"/>
      <c r="C4" s="43"/>
      <c r="D4" s="44"/>
      <c r="E4" s="44"/>
      <c r="F4" s="44"/>
      <c r="G4" s="44"/>
      <c r="H4" s="44"/>
      <c r="I4" s="44"/>
      <c r="J4" s="46"/>
      <c r="K4" s="44"/>
      <c r="L4" s="44"/>
      <c r="M4" s="44"/>
      <c r="N4" s="44"/>
      <c r="O4" s="44"/>
      <c r="P4" s="44"/>
      <c r="Q4" s="51"/>
    </row>
    <row r="5" spans="1:17" s="4" customFormat="1" ht="25.5" customHeight="1" thickBot="1" x14ac:dyDescent="0.2">
      <c r="A5" s="39"/>
      <c r="B5" s="40"/>
      <c r="C5" s="8" t="s">
        <v>6</v>
      </c>
      <c r="D5" s="9" t="s">
        <v>7</v>
      </c>
      <c r="E5" s="9" t="s">
        <v>8</v>
      </c>
      <c r="F5" s="8" t="s">
        <v>9</v>
      </c>
      <c r="G5" s="8" t="s">
        <v>10</v>
      </c>
      <c r="H5" s="8" t="s">
        <v>11</v>
      </c>
      <c r="I5" s="8" t="s">
        <v>12</v>
      </c>
      <c r="J5" s="10" t="s">
        <v>13</v>
      </c>
      <c r="K5" s="9" t="s">
        <v>14</v>
      </c>
      <c r="L5" s="9" t="s">
        <v>15</v>
      </c>
      <c r="M5" s="8" t="s">
        <v>16</v>
      </c>
      <c r="N5" s="8" t="s">
        <v>17</v>
      </c>
      <c r="O5" s="8" t="s">
        <v>11</v>
      </c>
      <c r="P5" s="8" t="s">
        <v>12</v>
      </c>
      <c r="Q5" s="52"/>
    </row>
    <row r="6" spans="1:17" s="4" customFormat="1" ht="21.95" customHeight="1" thickTop="1" x14ac:dyDescent="0.15">
      <c r="A6" s="11">
        <v>1</v>
      </c>
      <c r="B6" s="12" t="s">
        <v>18</v>
      </c>
      <c r="C6" s="13">
        <v>30978</v>
      </c>
      <c r="D6" s="13">
        <v>95070</v>
      </c>
      <c r="E6" s="13">
        <v>2701</v>
      </c>
      <c r="F6" s="13">
        <v>3071</v>
      </c>
      <c r="G6" s="13">
        <v>0</v>
      </c>
      <c r="H6" s="13">
        <v>23986</v>
      </c>
      <c r="I6" s="14">
        <v>155806</v>
      </c>
      <c r="J6" s="15">
        <v>25640</v>
      </c>
      <c r="K6" s="14">
        <v>100815</v>
      </c>
      <c r="L6" s="14">
        <v>4821</v>
      </c>
      <c r="M6" s="14">
        <v>4917</v>
      </c>
      <c r="N6" s="14">
        <v>34733</v>
      </c>
      <c r="O6" s="14">
        <v>15528</v>
      </c>
      <c r="P6" s="49">
        <v>186454</v>
      </c>
      <c r="Q6" s="53">
        <v>-30648</v>
      </c>
    </row>
    <row r="7" spans="1:17" s="4" customFormat="1" ht="21.95" customHeight="1" x14ac:dyDescent="0.15">
      <c r="A7" s="11">
        <v>2</v>
      </c>
      <c r="B7" s="12" t="s">
        <v>19</v>
      </c>
      <c r="C7" s="14">
        <v>14018</v>
      </c>
      <c r="D7" s="14">
        <v>38024</v>
      </c>
      <c r="E7" s="14">
        <v>1199</v>
      </c>
      <c r="F7" s="14">
        <v>1459</v>
      </c>
      <c r="G7" s="14">
        <v>1</v>
      </c>
      <c r="H7" s="14">
        <v>6891</v>
      </c>
      <c r="I7" s="14">
        <v>61592</v>
      </c>
      <c r="J7" s="16">
        <v>13203</v>
      </c>
      <c r="K7" s="14">
        <v>45635</v>
      </c>
      <c r="L7" s="14">
        <v>1952</v>
      </c>
      <c r="M7" s="14">
        <v>1737</v>
      </c>
      <c r="N7" s="14">
        <v>11068</v>
      </c>
      <c r="O7" s="14">
        <v>7625</v>
      </c>
      <c r="P7" s="14">
        <v>81220</v>
      </c>
      <c r="Q7" s="53">
        <v>-19628</v>
      </c>
    </row>
    <row r="8" spans="1:17" s="4" customFormat="1" ht="21.95" customHeight="1" x14ac:dyDescent="0.15">
      <c r="A8" s="11">
        <v>3</v>
      </c>
      <c r="B8" s="12" t="s">
        <v>20</v>
      </c>
      <c r="C8" s="14">
        <v>3027</v>
      </c>
      <c r="D8" s="14">
        <v>11001</v>
      </c>
      <c r="E8" s="14">
        <v>205</v>
      </c>
      <c r="F8" s="14">
        <v>421</v>
      </c>
      <c r="G8" s="14">
        <v>0</v>
      </c>
      <c r="H8" s="14">
        <v>2670</v>
      </c>
      <c r="I8" s="14">
        <v>17324</v>
      </c>
      <c r="J8" s="16">
        <v>2842</v>
      </c>
      <c r="K8" s="14">
        <v>12138</v>
      </c>
      <c r="L8" s="14">
        <v>378</v>
      </c>
      <c r="M8" s="14">
        <v>727</v>
      </c>
      <c r="N8" s="14">
        <v>5235</v>
      </c>
      <c r="O8" s="14">
        <v>2714</v>
      </c>
      <c r="P8" s="14">
        <v>24034</v>
      </c>
      <c r="Q8" s="53">
        <v>-6710</v>
      </c>
    </row>
    <row r="9" spans="1:17" s="4" customFormat="1" ht="21.95" customHeight="1" x14ac:dyDescent="0.15">
      <c r="A9" s="11">
        <v>4</v>
      </c>
      <c r="B9" s="12" t="s">
        <v>21</v>
      </c>
      <c r="C9" s="14">
        <v>2455</v>
      </c>
      <c r="D9" s="14">
        <v>7666</v>
      </c>
      <c r="E9" s="14">
        <v>226</v>
      </c>
      <c r="F9" s="14">
        <v>231</v>
      </c>
      <c r="G9" s="14">
        <v>3</v>
      </c>
      <c r="H9" s="14">
        <v>369</v>
      </c>
      <c r="I9" s="14">
        <v>10950</v>
      </c>
      <c r="J9" s="16">
        <v>2065</v>
      </c>
      <c r="K9" s="14">
        <v>9183</v>
      </c>
      <c r="L9" s="14">
        <v>322</v>
      </c>
      <c r="M9" s="14">
        <v>456</v>
      </c>
      <c r="N9" s="14">
        <v>2955</v>
      </c>
      <c r="O9" s="14">
        <v>432</v>
      </c>
      <c r="P9" s="14">
        <v>15413</v>
      </c>
      <c r="Q9" s="53">
        <v>-4463</v>
      </c>
    </row>
    <row r="10" spans="1:17" s="4" customFormat="1" ht="21.95" customHeight="1" x14ac:dyDescent="0.15">
      <c r="A10" s="11">
        <v>5</v>
      </c>
      <c r="B10" s="12" t="s">
        <v>22</v>
      </c>
      <c r="C10" s="14">
        <v>1328</v>
      </c>
      <c r="D10" s="14">
        <v>4292</v>
      </c>
      <c r="E10" s="14">
        <v>19</v>
      </c>
      <c r="F10" s="14">
        <v>144</v>
      </c>
      <c r="G10" s="14">
        <v>0</v>
      </c>
      <c r="H10" s="14">
        <v>855</v>
      </c>
      <c r="I10" s="14">
        <v>6638</v>
      </c>
      <c r="J10" s="16">
        <v>1392</v>
      </c>
      <c r="K10" s="14">
        <v>4742</v>
      </c>
      <c r="L10" s="14">
        <v>93</v>
      </c>
      <c r="M10" s="14">
        <v>278</v>
      </c>
      <c r="N10" s="14">
        <v>2205</v>
      </c>
      <c r="O10" s="14">
        <v>833</v>
      </c>
      <c r="P10" s="14">
        <v>9543</v>
      </c>
      <c r="Q10" s="53">
        <v>-2905</v>
      </c>
    </row>
    <row r="11" spans="1:17" s="4" customFormat="1" ht="21.95" customHeight="1" x14ac:dyDescent="0.15">
      <c r="A11" s="11">
        <v>6</v>
      </c>
      <c r="B11" s="12" t="s">
        <v>23</v>
      </c>
      <c r="C11" s="14">
        <v>3842</v>
      </c>
      <c r="D11" s="14">
        <v>11230</v>
      </c>
      <c r="E11" s="14">
        <v>317</v>
      </c>
      <c r="F11" s="14">
        <v>397</v>
      </c>
      <c r="G11" s="14">
        <v>1</v>
      </c>
      <c r="H11" s="14">
        <v>3435</v>
      </c>
      <c r="I11" s="14">
        <v>19222</v>
      </c>
      <c r="J11" s="16">
        <v>3192</v>
      </c>
      <c r="K11" s="14">
        <v>13187</v>
      </c>
      <c r="L11" s="14">
        <v>387</v>
      </c>
      <c r="M11" s="14">
        <v>575</v>
      </c>
      <c r="N11" s="14">
        <v>4256</v>
      </c>
      <c r="O11" s="14">
        <v>3453</v>
      </c>
      <c r="P11" s="14">
        <v>25050</v>
      </c>
      <c r="Q11" s="53">
        <v>-5828</v>
      </c>
    </row>
    <row r="12" spans="1:17" s="4" customFormat="1" ht="21.95" customHeight="1" x14ac:dyDescent="0.15">
      <c r="A12" s="11">
        <v>7</v>
      </c>
      <c r="B12" s="12" t="s">
        <v>24</v>
      </c>
      <c r="C12" s="14">
        <v>1691</v>
      </c>
      <c r="D12" s="14">
        <v>5422</v>
      </c>
      <c r="E12" s="14">
        <v>185</v>
      </c>
      <c r="F12" s="14">
        <v>159</v>
      </c>
      <c r="G12" s="14">
        <v>0</v>
      </c>
      <c r="H12" s="14">
        <v>152</v>
      </c>
      <c r="I12" s="14">
        <v>7609</v>
      </c>
      <c r="J12" s="16">
        <v>1369</v>
      </c>
      <c r="K12" s="14">
        <v>6555</v>
      </c>
      <c r="L12" s="14">
        <v>323</v>
      </c>
      <c r="M12" s="14">
        <v>356</v>
      </c>
      <c r="N12" s="14">
        <v>2161</v>
      </c>
      <c r="O12" s="14">
        <v>331</v>
      </c>
      <c r="P12" s="14">
        <v>11095</v>
      </c>
      <c r="Q12" s="53">
        <v>-3486</v>
      </c>
    </row>
    <row r="13" spans="1:17" s="4" customFormat="1" ht="21.95" customHeight="1" x14ac:dyDescent="0.15">
      <c r="A13" s="11">
        <v>8</v>
      </c>
      <c r="B13" s="12" t="s">
        <v>25</v>
      </c>
      <c r="C13" s="14">
        <v>1832</v>
      </c>
      <c r="D13" s="14">
        <v>7323</v>
      </c>
      <c r="E13" s="14">
        <v>109</v>
      </c>
      <c r="F13" s="14">
        <v>226</v>
      </c>
      <c r="G13" s="14">
        <v>0</v>
      </c>
      <c r="H13" s="14">
        <v>707</v>
      </c>
      <c r="I13" s="14">
        <v>10197</v>
      </c>
      <c r="J13" s="16">
        <v>1726</v>
      </c>
      <c r="K13" s="14">
        <v>7928</v>
      </c>
      <c r="L13" s="14">
        <v>201</v>
      </c>
      <c r="M13" s="14">
        <v>344</v>
      </c>
      <c r="N13" s="14">
        <v>2629</v>
      </c>
      <c r="O13" s="14">
        <v>894</v>
      </c>
      <c r="P13" s="14">
        <v>13722</v>
      </c>
      <c r="Q13" s="53">
        <v>-3525</v>
      </c>
    </row>
    <row r="14" spans="1:17" s="4" customFormat="1" ht="21.95" customHeight="1" x14ac:dyDescent="0.15">
      <c r="A14" s="11">
        <v>9</v>
      </c>
      <c r="B14" s="12" t="s">
        <v>26</v>
      </c>
      <c r="C14" s="14">
        <v>529</v>
      </c>
      <c r="D14" s="14">
        <v>1486</v>
      </c>
      <c r="E14" s="14">
        <v>20</v>
      </c>
      <c r="F14" s="14">
        <v>44</v>
      </c>
      <c r="G14" s="14">
        <v>0</v>
      </c>
      <c r="H14" s="14">
        <v>249</v>
      </c>
      <c r="I14" s="14">
        <v>2328</v>
      </c>
      <c r="J14" s="16">
        <v>451</v>
      </c>
      <c r="K14" s="14">
        <v>1581</v>
      </c>
      <c r="L14" s="14">
        <v>33</v>
      </c>
      <c r="M14" s="14">
        <v>105</v>
      </c>
      <c r="N14" s="14">
        <v>764</v>
      </c>
      <c r="O14" s="14">
        <v>204</v>
      </c>
      <c r="P14" s="14">
        <v>3138</v>
      </c>
      <c r="Q14" s="53">
        <v>-810</v>
      </c>
    </row>
    <row r="15" spans="1:17" s="4" customFormat="1" ht="21.95" customHeight="1" x14ac:dyDescent="0.15">
      <c r="A15" s="11">
        <v>10</v>
      </c>
      <c r="B15" s="12" t="s">
        <v>27</v>
      </c>
      <c r="C15" s="14">
        <v>6264</v>
      </c>
      <c r="D15" s="14">
        <v>19787</v>
      </c>
      <c r="E15" s="14">
        <v>786</v>
      </c>
      <c r="F15" s="14">
        <v>685</v>
      </c>
      <c r="G15" s="14">
        <v>1</v>
      </c>
      <c r="H15" s="14">
        <v>2887</v>
      </c>
      <c r="I15" s="14">
        <v>30410</v>
      </c>
      <c r="J15" s="16">
        <v>6331</v>
      </c>
      <c r="K15" s="14">
        <v>23802</v>
      </c>
      <c r="L15" s="14">
        <v>1193</v>
      </c>
      <c r="M15" s="14">
        <v>1143</v>
      </c>
      <c r="N15" s="14">
        <v>7438</v>
      </c>
      <c r="O15" s="14">
        <v>3165</v>
      </c>
      <c r="P15" s="14">
        <v>43072</v>
      </c>
      <c r="Q15" s="53">
        <v>-12662</v>
      </c>
    </row>
    <row r="16" spans="1:17" s="4" customFormat="1" ht="21.95" customHeight="1" x14ac:dyDescent="0.15">
      <c r="A16" s="11">
        <v>11</v>
      </c>
      <c r="B16" s="12" t="s">
        <v>28</v>
      </c>
      <c r="C16" s="14">
        <v>339</v>
      </c>
      <c r="D16" s="14">
        <v>1241</v>
      </c>
      <c r="E16" s="14">
        <v>25</v>
      </c>
      <c r="F16" s="14">
        <v>50</v>
      </c>
      <c r="G16" s="14">
        <v>1</v>
      </c>
      <c r="H16" s="14">
        <v>393</v>
      </c>
      <c r="I16" s="14">
        <v>2049</v>
      </c>
      <c r="J16" s="16">
        <v>397</v>
      </c>
      <c r="K16" s="14">
        <v>1520</v>
      </c>
      <c r="L16" s="14">
        <v>62</v>
      </c>
      <c r="M16" s="14">
        <v>83</v>
      </c>
      <c r="N16" s="14">
        <v>686</v>
      </c>
      <c r="O16" s="14">
        <v>439</v>
      </c>
      <c r="P16" s="14">
        <v>3187</v>
      </c>
      <c r="Q16" s="53">
        <v>-1138</v>
      </c>
    </row>
    <row r="17" spans="1:17" s="4" customFormat="1" ht="21.95" customHeight="1" x14ac:dyDescent="0.15">
      <c r="A17" s="11">
        <v>12</v>
      </c>
      <c r="B17" s="12" t="s">
        <v>29</v>
      </c>
      <c r="C17" s="14">
        <v>1019</v>
      </c>
      <c r="D17" s="14">
        <v>4925</v>
      </c>
      <c r="E17" s="14">
        <v>82</v>
      </c>
      <c r="F17" s="14">
        <v>152</v>
      </c>
      <c r="G17" s="14">
        <v>0</v>
      </c>
      <c r="H17" s="14">
        <v>636</v>
      </c>
      <c r="I17" s="14">
        <v>6814</v>
      </c>
      <c r="J17" s="16">
        <v>1438</v>
      </c>
      <c r="K17" s="14">
        <v>5737</v>
      </c>
      <c r="L17" s="14">
        <v>157</v>
      </c>
      <c r="M17" s="14">
        <v>291</v>
      </c>
      <c r="N17" s="14">
        <v>1984</v>
      </c>
      <c r="O17" s="14">
        <v>237</v>
      </c>
      <c r="P17" s="14">
        <v>9844</v>
      </c>
      <c r="Q17" s="53">
        <v>-3030</v>
      </c>
    </row>
    <row r="18" spans="1:17" s="4" customFormat="1" ht="21.95" customHeight="1" x14ac:dyDescent="0.15">
      <c r="A18" s="11">
        <v>13</v>
      </c>
      <c r="B18" s="12" t="s">
        <v>30</v>
      </c>
      <c r="C18" s="14">
        <v>1666</v>
      </c>
      <c r="D18" s="14">
        <v>6632</v>
      </c>
      <c r="E18" s="14">
        <v>125</v>
      </c>
      <c r="F18" s="14">
        <v>272</v>
      </c>
      <c r="G18" s="14">
        <v>0</v>
      </c>
      <c r="H18" s="14">
        <v>1353</v>
      </c>
      <c r="I18" s="14">
        <v>10048</v>
      </c>
      <c r="J18" s="16">
        <v>1685</v>
      </c>
      <c r="K18" s="14">
        <v>8103</v>
      </c>
      <c r="L18" s="14">
        <v>282</v>
      </c>
      <c r="M18" s="14">
        <v>388</v>
      </c>
      <c r="N18" s="14">
        <v>2329</v>
      </c>
      <c r="O18" s="14">
        <v>1233</v>
      </c>
      <c r="P18" s="14">
        <v>14020</v>
      </c>
      <c r="Q18" s="53">
        <v>-3972</v>
      </c>
    </row>
    <row r="19" spans="1:17" s="4" customFormat="1" ht="21.95" customHeight="1" x14ac:dyDescent="0.15">
      <c r="A19" s="11">
        <v>14</v>
      </c>
      <c r="B19" s="12" t="s">
        <v>31</v>
      </c>
      <c r="C19" s="14">
        <v>2383</v>
      </c>
      <c r="D19" s="14">
        <v>7282</v>
      </c>
      <c r="E19" s="14">
        <v>211</v>
      </c>
      <c r="F19" s="14">
        <v>287</v>
      </c>
      <c r="G19" s="14">
        <v>1</v>
      </c>
      <c r="H19" s="14">
        <v>1751</v>
      </c>
      <c r="I19" s="14">
        <v>11915</v>
      </c>
      <c r="J19" s="16">
        <v>2183</v>
      </c>
      <c r="K19" s="14">
        <v>8879</v>
      </c>
      <c r="L19" s="14">
        <v>293</v>
      </c>
      <c r="M19" s="14">
        <v>348</v>
      </c>
      <c r="N19" s="14">
        <v>2436</v>
      </c>
      <c r="O19" s="14">
        <v>1955</v>
      </c>
      <c r="P19" s="14">
        <v>16094</v>
      </c>
      <c r="Q19" s="53">
        <v>-4179</v>
      </c>
    </row>
    <row r="20" spans="1:17" s="4" customFormat="1" ht="21.95" customHeight="1" x14ac:dyDescent="0.15">
      <c r="A20" s="11">
        <v>15</v>
      </c>
      <c r="B20" s="12" t="s">
        <v>32</v>
      </c>
      <c r="C20" s="14">
        <v>807</v>
      </c>
      <c r="D20" s="14">
        <v>2745</v>
      </c>
      <c r="E20" s="14">
        <v>67</v>
      </c>
      <c r="F20" s="14">
        <v>92</v>
      </c>
      <c r="G20" s="14">
        <v>0</v>
      </c>
      <c r="H20" s="14">
        <v>251</v>
      </c>
      <c r="I20" s="14">
        <v>3962</v>
      </c>
      <c r="J20" s="16">
        <v>710</v>
      </c>
      <c r="K20" s="14">
        <v>3527</v>
      </c>
      <c r="L20" s="14">
        <v>115</v>
      </c>
      <c r="M20" s="14">
        <v>183</v>
      </c>
      <c r="N20" s="14">
        <v>1097</v>
      </c>
      <c r="O20" s="14">
        <v>218</v>
      </c>
      <c r="P20" s="14">
        <v>5850</v>
      </c>
      <c r="Q20" s="53">
        <v>-1888</v>
      </c>
    </row>
    <row r="21" spans="1:17" s="4" customFormat="1" ht="21.95" customHeight="1" x14ac:dyDescent="0.15">
      <c r="A21" s="11">
        <v>16</v>
      </c>
      <c r="B21" s="12" t="s">
        <v>33</v>
      </c>
      <c r="C21" s="14">
        <v>1364</v>
      </c>
      <c r="D21" s="14">
        <v>4577</v>
      </c>
      <c r="E21" s="14">
        <v>69</v>
      </c>
      <c r="F21" s="14">
        <v>102</v>
      </c>
      <c r="G21" s="14">
        <v>0</v>
      </c>
      <c r="H21" s="14">
        <v>38</v>
      </c>
      <c r="I21" s="14">
        <v>6150</v>
      </c>
      <c r="J21" s="16">
        <v>1326</v>
      </c>
      <c r="K21" s="14">
        <v>5008</v>
      </c>
      <c r="L21" s="14">
        <v>109</v>
      </c>
      <c r="M21" s="14">
        <v>183</v>
      </c>
      <c r="N21" s="14">
        <v>1449</v>
      </c>
      <c r="O21" s="14">
        <v>184</v>
      </c>
      <c r="P21" s="14">
        <v>8259</v>
      </c>
      <c r="Q21" s="53">
        <v>-2109</v>
      </c>
    </row>
    <row r="22" spans="1:17" s="4" customFormat="1" ht="21.95" customHeight="1" x14ac:dyDescent="0.15">
      <c r="A22" s="11">
        <v>17</v>
      </c>
      <c r="B22" s="12" t="s">
        <v>34</v>
      </c>
      <c r="C22" s="14">
        <v>1329</v>
      </c>
      <c r="D22" s="14">
        <v>4243</v>
      </c>
      <c r="E22" s="14">
        <v>209</v>
      </c>
      <c r="F22" s="14">
        <v>137</v>
      </c>
      <c r="G22" s="14">
        <v>2</v>
      </c>
      <c r="H22" s="14">
        <v>1016</v>
      </c>
      <c r="I22" s="14">
        <v>6936</v>
      </c>
      <c r="J22" s="16">
        <v>1469</v>
      </c>
      <c r="K22" s="14">
        <v>4875</v>
      </c>
      <c r="L22" s="14">
        <v>205</v>
      </c>
      <c r="M22" s="14">
        <v>225</v>
      </c>
      <c r="N22" s="14">
        <v>1434</v>
      </c>
      <c r="O22" s="14">
        <v>921</v>
      </c>
      <c r="P22" s="14">
        <v>9129</v>
      </c>
      <c r="Q22" s="53">
        <v>-2193</v>
      </c>
    </row>
    <row r="23" spans="1:17" s="4" customFormat="1" ht="21.95" customHeight="1" x14ac:dyDescent="0.15">
      <c r="A23" s="11">
        <v>18</v>
      </c>
      <c r="B23" s="12" t="s">
        <v>35</v>
      </c>
      <c r="C23" s="14">
        <v>336</v>
      </c>
      <c r="D23" s="14">
        <v>1301</v>
      </c>
      <c r="E23" s="14">
        <v>9</v>
      </c>
      <c r="F23" s="14">
        <v>22</v>
      </c>
      <c r="G23" s="14">
        <v>0</v>
      </c>
      <c r="H23" s="14">
        <v>242</v>
      </c>
      <c r="I23" s="14">
        <v>1910</v>
      </c>
      <c r="J23" s="16">
        <v>323</v>
      </c>
      <c r="K23" s="14">
        <v>1531</v>
      </c>
      <c r="L23" s="14">
        <v>37</v>
      </c>
      <c r="M23" s="14">
        <v>85</v>
      </c>
      <c r="N23" s="14">
        <v>517</v>
      </c>
      <c r="O23" s="14">
        <v>289</v>
      </c>
      <c r="P23" s="14">
        <v>2782</v>
      </c>
      <c r="Q23" s="53">
        <v>-872</v>
      </c>
    </row>
    <row r="24" spans="1:17" s="4" customFormat="1" ht="21.95" customHeight="1" thickBot="1" x14ac:dyDescent="0.2">
      <c r="A24" s="17">
        <v>21</v>
      </c>
      <c r="B24" s="18" t="s">
        <v>36</v>
      </c>
      <c r="C24" s="19">
        <v>827</v>
      </c>
      <c r="D24" s="19">
        <v>2548</v>
      </c>
      <c r="E24" s="19">
        <v>92</v>
      </c>
      <c r="F24" s="19">
        <v>124</v>
      </c>
      <c r="G24" s="19">
        <v>0</v>
      </c>
      <c r="H24" s="19">
        <v>310</v>
      </c>
      <c r="I24" s="19">
        <v>3901</v>
      </c>
      <c r="J24" s="20">
        <v>803</v>
      </c>
      <c r="K24" s="19">
        <v>3254</v>
      </c>
      <c r="L24" s="19">
        <v>87</v>
      </c>
      <c r="M24" s="19">
        <v>164</v>
      </c>
      <c r="N24" s="19">
        <v>1105</v>
      </c>
      <c r="O24" s="19">
        <v>365</v>
      </c>
      <c r="P24" s="19">
        <v>5778</v>
      </c>
      <c r="Q24" s="54">
        <v>-1877</v>
      </c>
    </row>
    <row r="25" spans="1:17" s="4" customFormat="1" ht="21.95" customHeight="1" thickTop="1" x14ac:dyDescent="0.15">
      <c r="A25" s="11">
        <v>19</v>
      </c>
      <c r="B25" s="12" t="s">
        <v>37</v>
      </c>
      <c r="C25" s="14">
        <v>417</v>
      </c>
      <c r="D25" s="14">
        <v>860</v>
      </c>
      <c r="E25" s="14">
        <v>11</v>
      </c>
      <c r="F25" s="14">
        <v>34</v>
      </c>
      <c r="G25" s="14">
        <v>6</v>
      </c>
      <c r="H25" s="14">
        <v>45</v>
      </c>
      <c r="I25" s="14">
        <v>1373</v>
      </c>
      <c r="J25" s="16">
        <v>382</v>
      </c>
      <c r="K25" s="14">
        <v>979</v>
      </c>
      <c r="L25" s="14">
        <v>14</v>
      </c>
      <c r="M25" s="14">
        <v>41</v>
      </c>
      <c r="N25" s="14">
        <v>422</v>
      </c>
      <c r="O25" s="14">
        <v>38</v>
      </c>
      <c r="P25" s="14">
        <v>1876</v>
      </c>
      <c r="Q25" s="53">
        <v>-503</v>
      </c>
    </row>
    <row r="26" spans="1:17" s="4" customFormat="1" ht="21.95" customHeight="1" x14ac:dyDescent="0.15">
      <c r="A26" s="11">
        <v>20</v>
      </c>
      <c r="B26" s="12" t="s">
        <v>38</v>
      </c>
      <c r="C26" s="14">
        <v>512</v>
      </c>
      <c r="D26" s="14">
        <v>1400</v>
      </c>
      <c r="E26" s="14">
        <v>29</v>
      </c>
      <c r="F26" s="14">
        <v>52</v>
      </c>
      <c r="G26" s="14">
        <v>0</v>
      </c>
      <c r="H26" s="14">
        <v>146</v>
      </c>
      <c r="I26" s="14">
        <v>2139</v>
      </c>
      <c r="J26" s="16">
        <v>445</v>
      </c>
      <c r="K26" s="14">
        <v>1763</v>
      </c>
      <c r="L26" s="14">
        <v>40</v>
      </c>
      <c r="M26" s="14">
        <v>82</v>
      </c>
      <c r="N26" s="14">
        <v>570</v>
      </c>
      <c r="O26" s="14">
        <v>258</v>
      </c>
      <c r="P26" s="14">
        <v>3158</v>
      </c>
      <c r="Q26" s="53">
        <v>-1019</v>
      </c>
    </row>
    <row r="27" spans="1:17" s="4" customFormat="1" ht="21.95" customHeight="1" x14ac:dyDescent="0.15">
      <c r="A27" s="11">
        <v>22</v>
      </c>
      <c r="B27" s="12" t="s">
        <v>39</v>
      </c>
      <c r="C27" s="14">
        <v>237</v>
      </c>
      <c r="D27" s="14">
        <v>1005</v>
      </c>
      <c r="E27" s="14">
        <v>9</v>
      </c>
      <c r="F27" s="14">
        <v>24</v>
      </c>
      <c r="G27" s="14">
        <v>0</v>
      </c>
      <c r="H27" s="14">
        <v>83</v>
      </c>
      <c r="I27" s="14">
        <v>1358</v>
      </c>
      <c r="J27" s="16">
        <v>204</v>
      </c>
      <c r="K27" s="14">
        <v>891</v>
      </c>
      <c r="L27" s="14">
        <v>30</v>
      </c>
      <c r="M27" s="14">
        <v>49</v>
      </c>
      <c r="N27" s="14">
        <v>458</v>
      </c>
      <c r="O27" s="14">
        <v>83</v>
      </c>
      <c r="P27" s="14">
        <v>1715</v>
      </c>
      <c r="Q27" s="53">
        <v>-357</v>
      </c>
    </row>
    <row r="28" spans="1:17" s="4" customFormat="1" ht="21.95" customHeight="1" x14ac:dyDescent="0.15">
      <c r="A28" s="11">
        <v>23</v>
      </c>
      <c r="B28" s="12" t="s">
        <v>40</v>
      </c>
      <c r="C28" s="14">
        <v>308</v>
      </c>
      <c r="D28" s="14">
        <v>903</v>
      </c>
      <c r="E28" s="14">
        <v>3</v>
      </c>
      <c r="F28" s="14">
        <v>16</v>
      </c>
      <c r="G28" s="14">
        <v>0</v>
      </c>
      <c r="H28" s="14">
        <v>79</v>
      </c>
      <c r="I28" s="14">
        <v>1309</v>
      </c>
      <c r="J28" s="16">
        <v>275</v>
      </c>
      <c r="K28" s="14">
        <v>828</v>
      </c>
      <c r="L28" s="14">
        <v>16</v>
      </c>
      <c r="M28" s="14">
        <v>50</v>
      </c>
      <c r="N28" s="14">
        <v>376</v>
      </c>
      <c r="O28" s="14">
        <v>68</v>
      </c>
      <c r="P28" s="14">
        <v>1613</v>
      </c>
      <c r="Q28" s="53">
        <v>-304</v>
      </c>
    </row>
    <row r="29" spans="1:17" s="4" customFormat="1" ht="21.95" customHeight="1" x14ac:dyDescent="0.15">
      <c r="A29" s="11">
        <v>24</v>
      </c>
      <c r="B29" s="12" t="s">
        <v>41</v>
      </c>
      <c r="C29" s="14">
        <v>144</v>
      </c>
      <c r="D29" s="14">
        <v>318</v>
      </c>
      <c r="E29" s="14">
        <v>2</v>
      </c>
      <c r="F29" s="14">
        <v>6</v>
      </c>
      <c r="G29" s="14">
        <v>0</v>
      </c>
      <c r="H29" s="14">
        <v>3</v>
      </c>
      <c r="I29" s="14">
        <v>473</v>
      </c>
      <c r="J29" s="16">
        <v>105</v>
      </c>
      <c r="K29" s="14">
        <v>367</v>
      </c>
      <c r="L29" s="14">
        <v>0</v>
      </c>
      <c r="M29" s="14">
        <v>20</v>
      </c>
      <c r="N29" s="14">
        <v>113</v>
      </c>
      <c r="O29" s="14">
        <v>8</v>
      </c>
      <c r="P29" s="14">
        <v>613</v>
      </c>
      <c r="Q29" s="53">
        <v>-140</v>
      </c>
    </row>
    <row r="30" spans="1:17" s="4" customFormat="1" ht="21.95" customHeight="1" x14ac:dyDescent="0.15">
      <c r="A30" s="11">
        <v>25</v>
      </c>
      <c r="B30" s="12" t="s">
        <v>42</v>
      </c>
      <c r="C30" s="14">
        <v>168</v>
      </c>
      <c r="D30" s="14">
        <v>566</v>
      </c>
      <c r="E30" s="14">
        <v>12</v>
      </c>
      <c r="F30" s="14">
        <v>18</v>
      </c>
      <c r="G30" s="14">
        <v>0</v>
      </c>
      <c r="H30" s="14">
        <v>2</v>
      </c>
      <c r="I30" s="14">
        <v>766</v>
      </c>
      <c r="J30" s="16">
        <v>147</v>
      </c>
      <c r="K30" s="14">
        <v>651</v>
      </c>
      <c r="L30" s="14">
        <v>12</v>
      </c>
      <c r="M30" s="14">
        <v>31</v>
      </c>
      <c r="N30" s="14">
        <v>202</v>
      </c>
      <c r="O30" s="14">
        <v>25</v>
      </c>
      <c r="P30" s="14">
        <v>1068</v>
      </c>
      <c r="Q30" s="53">
        <v>-302</v>
      </c>
    </row>
    <row r="31" spans="1:17" s="4" customFormat="1" ht="21.95" customHeight="1" x14ac:dyDescent="0.15">
      <c r="A31" s="11">
        <v>26</v>
      </c>
      <c r="B31" s="12" t="s">
        <v>43</v>
      </c>
      <c r="C31" s="14">
        <v>94</v>
      </c>
      <c r="D31" s="14">
        <v>384</v>
      </c>
      <c r="E31" s="14">
        <v>6</v>
      </c>
      <c r="F31" s="14">
        <v>7</v>
      </c>
      <c r="G31" s="14">
        <v>0</v>
      </c>
      <c r="H31" s="14">
        <v>11</v>
      </c>
      <c r="I31" s="14">
        <v>502</v>
      </c>
      <c r="J31" s="16">
        <v>96</v>
      </c>
      <c r="K31" s="14">
        <v>371</v>
      </c>
      <c r="L31" s="14">
        <v>24</v>
      </c>
      <c r="M31" s="14">
        <v>24</v>
      </c>
      <c r="N31" s="14">
        <v>124</v>
      </c>
      <c r="O31" s="14">
        <v>65</v>
      </c>
      <c r="P31" s="14">
        <v>704</v>
      </c>
      <c r="Q31" s="53">
        <v>-202</v>
      </c>
    </row>
    <row r="32" spans="1:17" s="4" customFormat="1" ht="21.95" customHeight="1" x14ac:dyDescent="0.15">
      <c r="A32" s="11">
        <v>27</v>
      </c>
      <c r="B32" s="12" t="s">
        <v>44</v>
      </c>
      <c r="C32" s="14">
        <v>56</v>
      </c>
      <c r="D32" s="14">
        <v>331</v>
      </c>
      <c r="E32" s="14">
        <v>6</v>
      </c>
      <c r="F32" s="14">
        <v>6</v>
      </c>
      <c r="G32" s="14">
        <v>0</v>
      </c>
      <c r="H32" s="14">
        <v>3</v>
      </c>
      <c r="I32" s="14">
        <v>402</v>
      </c>
      <c r="J32" s="16">
        <v>56</v>
      </c>
      <c r="K32" s="14">
        <v>313</v>
      </c>
      <c r="L32" s="14">
        <v>8</v>
      </c>
      <c r="M32" s="14">
        <v>40</v>
      </c>
      <c r="N32" s="14">
        <v>126</v>
      </c>
      <c r="O32" s="14">
        <v>51</v>
      </c>
      <c r="P32" s="14">
        <v>594</v>
      </c>
      <c r="Q32" s="53">
        <v>-192</v>
      </c>
    </row>
    <row r="33" spans="1:17" s="4" customFormat="1" ht="21.95" customHeight="1" x14ac:dyDescent="0.15">
      <c r="A33" s="11">
        <v>28</v>
      </c>
      <c r="B33" s="12" t="s">
        <v>45</v>
      </c>
      <c r="C33" s="14">
        <v>136</v>
      </c>
      <c r="D33" s="14">
        <v>453</v>
      </c>
      <c r="E33" s="14">
        <v>3</v>
      </c>
      <c r="F33" s="14">
        <v>17</v>
      </c>
      <c r="G33" s="14">
        <v>0</v>
      </c>
      <c r="H33" s="14">
        <v>8</v>
      </c>
      <c r="I33" s="14">
        <v>617</v>
      </c>
      <c r="J33" s="16">
        <v>105</v>
      </c>
      <c r="K33" s="14">
        <v>529</v>
      </c>
      <c r="L33" s="14">
        <v>11</v>
      </c>
      <c r="M33" s="14">
        <v>27</v>
      </c>
      <c r="N33" s="14">
        <v>195</v>
      </c>
      <c r="O33" s="14">
        <v>10</v>
      </c>
      <c r="P33" s="14">
        <v>877</v>
      </c>
      <c r="Q33" s="53">
        <v>-260</v>
      </c>
    </row>
    <row r="34" spans="1:17" s="4" customFormat="1" ht="21.95" customHeight="1" x14ac:dyDescent="0.15">
      <c r="A34" s="11">
        <v>29</v>
      </c>
      <c r="B34" s="12" t="s">
        <v>46</v>
      </c>
      <c r="C34" s="14">
        <v>413</v>
      </c>
      <c r="D34" s="14">
        <v>290</v>
      </c>
      <c r="E34" s="14">
        <v>10</v>
      </c>
      <c r="F34" s="14">
        <v>8</v>
      </c>
      <c r="G34" s="14">
        <v>0</v>
      </c>
      <c r="H34" s="14">
        <v>74</v>
      </c>
      <c r="I34" s="14">
        <v>795</v>
      </c>
      <c r="J34" s="16">
        <v>289</v>
      </c>
      <c r="K34" s="14">
        <v>476</v>
      </c>
      <c r="L34" s="14">
        <v>24</v>
      </c>
      <c r="M34" s="14">
        <v>22</v>
      </c>
      <c r="N34" s="14">
        <v>171</v>
      </c>
      <c r="O34" s="14">
        <v>95</v>
      </c>
      <c r="P34" s="14">
        <v>1077</v>
      </c>
      <c r="Q34" s="53">
        <v>-282</v>
      </c>
    </row>
    <row r="35" spans="1:17" s="4" customFormat="1" ht="21.95" customHeight="1" x14ac:dyDescent="0.15">
      <c r="A35" s="11">
        <v>30</v>
      </c>
      <c r="B35" s="12" t="s">
        <v>47</v>
      </c>
      <c r="C35" s="14">
        <v>84</v>
      </c>
      <c r="D35" s="14">
        <v>204</v>
      </c>
      <c r="E35" s="14">
        <v>10</v>
      </c>
      <c r="F35" s="14">
        <v>6</v>
      </c>
      <c r="G35" s="14">
        <v>0</v>
      </c>
      <c r="H35" s="14">
        <v>9</v>
      </c>
      <c r="I35" s="14">
        <v>313</v>
      </c>
      <c r="J35" s="16">
        <v>67</v>
      </c>
      <c r="K35" s="14">
        <v>309</v>
      </c>
      <c r="L35" s="14">
        <v>12</v>
      </c>
      <c r="M35" s="14">
        <v>14</v>
      </c>
      <c r="N35" s="14">
        <v>105</v>
      </c>
      <c r="O35" s="14">
        <v>10</v>
      </c>
      <c r="P35" s="14">
        <v>517</v>
      </c>
      <c r="Q35" s="53">
        <v>-204</v>
      </c>
    </row>
    <row r="36" spans="1:17" s="4" customFormat="1" ht="21.95" customHeight="1" x14ac:dyDescent="0.15">
      <c r="A36" s="11">
        <v>31</v>
      </c>
      <c r="B36" s="12" t="s">
        <v>48</v>
      </c>
      <c r="C36" s="14">
        <v>388</v>
      </c>
      <c r="D36" s="14">
        <v>785</v>
      </c>
      <c r="E36" s="14">
        <v>18</v>
      </c>
      <c r="F36" s="14">
        <v>26</v>
      </c>
      <c r="G36" s="14">
        <v>0</v>
      </c>
      <c r="H36" s="14">
        <v>6</v>
      </c>
      <c r="I36" s="14">
        <v>1223</v>
      </c>
      <c r="J36" s="16">
        <v>302</v>
      </c>
      <c r="K36" s="14">
        <v>1002</v>
      </c>
      <c r="L36" s="14">
        <v>60</v>
      </c>
      <c r="M36" s="14">
        <v>63</v>
      </c>
      <c r="N36" s="14">
        <v>386</v>
      </c>
      <c r="O36" s="14">
        <v>13</v>
      </c>
      <c r="P36" s="14">
        <v>1826</v>
      </c>
      <c r="Q36" s="53">
        <v>-603</v>
      </c>
    </row>
    <row r="37" spans="1:17" s="4" customFormat="1" ht="21.95" customHeight="1" x14ac:dyDescent="0.15">
      <c r="A37" s="11">
        <v>32</v>
      </c>
      <c r="B37" s="12" t="s">
        <v>49</v>
      </c>
      <c r="C37" s="14">
        <v>539</v>
      </c>
      <c r="D37" s="14">
        <v>1449</v>
      </c>
      <c r="E37" s="14">
        <v>24</v>
      </c>
      <c r="F37" s="14">
        <v>51</v>
      </c>
      <c r="G37" s="14">
        <v>1</v>
      </c>
      <c r="H37" s="14">
        <v>77</v>
      </c>
      <c r="I37" s="14">
        <v>2141</v>
      </c>
      <c r="J37" s="16">
        <v>498</v>
      </c>
      <c r="K37" s="14">
        <v>1775</v>
      </c>
      <c r="L37" s="14">
        <v>65</v>
      </c>
      <c r="M37" s="14">
        <v>98</v>
      </c>
      <c r="N37" s="14">
        <v>495</v>
      </c>
      <c r="O37" s="14">
        <v>128</v>
      </c>
      <c r="P37" s="14">
        <v>3059</v>
      </c>
      <c r="Q37" s="53">
        <v>-918</v>
      </c>
    </row>
    <row r="38" spans="1:17" s="4" customFormat="1" ht="21.95" customHeight="1" thickBot="1" x14ac:dyDescent="0.2">
      <c r="A38" s="11">
        <v>33</v>
      </c>
      <c r="B38" s="12" t="s">
        <v>50</v>
      </c>
      <c r="C38" s="14">
        <v>39</v>
      </c>
      <c r="D38" s="14">
        <v>94</v>
      </c>
      <c r="E38" s="14">
        <v>0</v>
      </c>
      <c r="F38" s="14">
        <v>1</v>
      </c>
      <c r="G38" s="14">
        <v>0</v>
      </c>
      <c r="H38" s="14">
        <v>0</v>
      </c>
      <c r="I38" s="14">
        <v>134</v>
      </c>
      <c r="J38" s="16">
        <v>35</v>
      </c>
      <c r="K38" s="14">
        <v>101</v>
      </c>
      <c r="L38" s="14">
        <v>0</v>
      </c>
      <c r="M38" s="14">
        <v>7</v>
      </c>
      <c r="N38" s="14">
        <v>44</v>
      </c>
      <c r="O38" s="14">
        <v>5</v>
      </c>
      <c r="P38" s="14">
        <v>192</v>
      </c>
      <c r="Q38" s="53">
        <v>-58</v>
      </c>
    </row>
    <row r="39" spans="1:17" s="4" customFormat="1" ht="21.95" customHeight="1" thickTop="1" thickBot="1" x14ac:dyDescent="0.2">
      <c r="A39" s="47" t="s">
        <v>51</v>
      </c>
      <c r="B39" s="48"/>
      <c r="C39" s="21">
        <v>79569</v>
      </c>
      <c r="D39" s="21">
        <v>245837</v>
      </c>
      <c r="E39" s="21">
        <v>6799</v>
      </c>
      <c r="F39" s="21">
        <v>8347</v>
      </c>
      <c r="G39" s="21">
        <v>17</v>
      </c>
      <c r="H39" s="21">
        <v>48737</v>
      </c>
      <c r="I39" s="21">
        <v>389306</v>
      </c>
      <c r="J39" s="22">
        <v>71551</v>
      </c>
      <c r="K39" s="21">
        <v>278355</v>
      </c>
      <c r="L39" s="21">
        <v>11366</v>
      </c>
      <c r="M39" s="21">
        <v>13156</v>
      </c>
      <c r="N39" s="21">
        <v>90268</v>
      </c>
      <c r="O39" s="21">
        <v>41877</v>
      </c>
      <c r="P39" s="21">
        <v>506573</v>
      </c>
      <c r="Q39" s="55">
        <v>-117267</v>
      </c>
    </row>
    <row r="40" spans="1:17" s="4" customFormat="1" ht="21.95" customHeight="1" thickTop="1" x14ac:dyDescent="0.15">
      <c r="A40" s="23">
        <v>301</v>
      </c>
      <c r="B40" s="24" t="s">
        <v>52</v>
      </c>
      <c r="C40" s="14">
        <v>0</v>
      </c>
      <c r="D40" s="14">
        <v>616</v>
      </c>
      <c r="E40" s="14">
        <v>0</v>
      </c>
      <c r="F40" s="14">
        <v>31</v>
      </c>
      <c r="G40" s="14">
        <v>0</v>
      </c>
      <c r="H40" s="14">
        <v>753</v>
      </c>
      <c r="I40" s="14">
        <v>1400</v>
      </c>
      <c r="J40" s="16">
        <v>0</v>
      </c>
      <c r="K40" s="14">
        <v>422</v>
      </c>
      <c r="L40" s="14">
        <v>0</v>
      </c>
      <c r="M40" s="14">
        <v>22</v>
      </c>
      <c r="N40" s="14">
        <v>87</v>
      </c>
      <c r="O40" s="14">
        <v>1039</v>
      </c>
      <c r="P40" s="14">
        <v>1570</v>
      </c>
      <c r="Q40" s="53">
        <v>-170</v>
      </c>
    </row>
    <row r="41" spans="1:17" s="4" customFormat="1" ht="21.95" customHeight="1" x14ac:dyDescent="0.15">
      <c r="A41" s="23">
        <v>302</v>
      </c>
      <c r="B41" s="24" t="s">
        <v>53</v>
      </c>
      <c r="C41" s="14">
        <v>0</v>
      </c>
      <c r="D41" s="14">
        <v>77</v>
      </c>
      <c r="E41" s="14">
        <v>0</v>
      </c>
      <c r="F41" s="14">
        <v>85</v>
      </c>
      <c r="G41" s="14">
        <v>0</v>
      </c>
      <c r="H41" s="14">
        <v>2181</v>
      </c>
      <c r="I41" s="14">
        <v>2343</v>
      </c>
      <c r="J41" s="16">
        <v>0</v>
      </c>
      <c r="K41" s="14">
        <v>383</v>
      </c>
      <c r="L41" s="14">
        <v>0</v>
      </c>
      <c r="M41" s="14">
        <v>26</v>
      </c>
      <c r="N41" s="14">
        <v>73</v>
      </c>
      <c r="O41" s="14">
        <v>2040</v>
      </c>
      <c r="P41" s="14">
        <v>2522</v>
      </c>
      <c r="Q41" s="53">
        <v>-179</v>
      </c>
    </row>
    <row r="42" spans="1:17" s="4" customFormat="1" ht="21.95" customHeight="1" x14ac:dyDescent="0.15">
      <c r="A42" s="23">
        <v>303</v>
      </c>
      <c r="B42" s="24" t="s">
        <v>54</v>
      </c>
      <c r="C42" s="14">
        <v>0</v>
      </c>
      <c r="D42" s="14">
        <v>949</v>
      </c>
      <c r="E42" s="14">
        <v>1</v>
      </c>
      <c r="F42" s="14">
        <v>147</v>
      </c>
      <c r="G42" s="14">
        <v>0</v>
      </c>
      <c r="H42" s="14">
        <v>1031</v>
      </c>
      <c r="I42" s="14">
        <v>2128</v>
      </c>
      <c r="J42" s="16">
        <v>0</v>
      </c>
      <c r="K42" s="14">
        <v>940</v>
      </c>
      <c r="L42" s="14">
        <v>3</v>
      </c>
      <c r="M42" s="14">
        <v>53</v>
      </c>
      <c r="N42" s="14">
        <v>337</v>
      </c>
      <c r="O42" s="14">
        <v>2082</v>
      </c>
      <c r="P42" s="14">
        <v>3415</v>
      </c>
      <c r="Q42" s="53">
        <v>-1287</v>
      </c>
    </row>
    <row r="43" spans="1:17" s="4" customFormat="1" ht="21.95" customHeight="1" x14ac:dyDescent="0.15">
      <c r="A43" s="23">
        <v>304</v>
      </c>
      <c r="B43" s="24" t="s">
        <v>55</v>
      </c>
      <c r="C43" s="14">
        <v>0</v>
      </c>
      <c r="D43" s="14">
        <v>281</v>
      </c>
      <c r="E43" s="14">
        <v>0</v>
      </c>
      <c r="F43" s="14">
        <v>31</v>
      </c>
      <c r="G43" s="14">
        <v>0</v>
      </c>
      <c r="H43" s="14">
        <v>212</v>
      </c>
      <c r="I43" s="14">
        <v>524</v>
      </c>
      <c r="J43" s="16">
        <v>0</v>
      </c>
      <c r="K43" s="14">
        <v>114</v>
      </c>
      <c r="L43" s="14">
        <v>0</v>
      </c>
      <c r="M43" s="14">
        <v>7</v>
      </c>
      <c r="N43" s="14">
        <v>32</v>
      </c>
      <c r="O43" s="14">
        <v>489</v>
      </c>
      <c r="P43" s="14">
        <v>642</v>
      </c>
      <c r="Q43" s="53">
        <v>-118</v>
      </c>
    </row>
    <row r="44" spans="1:17" s="4" customFormat="1" ht="21.95" customHeight="1" x14ac:dyDescent="0.15">
      <c r="A44" s="23">
        <v>305</v>
      </c>
      <c r="B44" s="24" t="s">
        <v>56</v>
      </c>
      <c r="C44" s="14">
        <v>0</v>
      </c>
      <c r="D44" s="14">
        <v>74</v>
      </c>
      <c r="E44" s="14">
        <v>0</v>
      </c>
      <c r="F44" s="14">
        <v>73</v>
      </c>
      <c r="G44" s="14">
        <v>0</v>
      </c>
      <c r="H44" s="14">
        <v>810</v>
      </c>
      <c r="I44" s="14">
        <v>957</v>
      </c>
      <c r="J44" s="16">
        <v>0</v>
      </c>
      <c r="K44" s="14">
        <v>343</v>
      </c>
      <c r="L44" s="14">
        <v>1</v>
      </c>
      <c r="M44" s="14">
        <v>21</v>
      </c>
      <c r="N44" s="14">
        <v>49</v>
      </c>
      <c r="O44" s="14">
        <v>981</v>
      </c>
      <c r="P44" s="14">
        <v>1395</v>
      </c>
      <c r="Q44" s="53">
        <v>-438</v>
      </c>
    </row>
    <row r="45" spans="1:17" s="4" customFormat="1" ht="21.95" customHeight="1" thickBot="1" x14ac:dyDescent="0.2">
      <c r="A45" s="25">
        <v>306</v>
      </c>
      <c r="B45" s="26" t="s">
        <v>57</v>
      </c>
      <c r="C45" s="19">
        <v>0</v>
      </c>
      <c r="D45" s="19">
        <v>1642</v>
      </c>
      <c r="E45" s="19">
        <v>41</v>
      </c>
      <c r="F45" s="19">
        <v>1026</v>
      </c>
      <c r="G45" s="19">
        <v>0</v>
      </c>
      <c r="H45" s="19">
        <v>10310</v>
      </c>
      <c r="I45" s="19">
        <v>13019</v>
      </c>
      <c r="J45" s="20">
        <v>0</v>
      </c>
      <c r="K45" s="19">
        <v>4481</v>
      </c>
      <c r="L45" s="19">
        <v>65</v>
      </c>
      <c r="M45" s="19">
        <v>202</v>
      </c>
      <c r="N45" s="19">
        <v>659</v>
      </c>
      <c r="O45" s="19">
        <v>10140</v>
      </c>
      <c r="P45" s="19">
        <v>15547</v>
      </c>
      <c r="Q45" s="54">
        <v>-2528</v>
      </c>
    </row>
    <row r="46" spans="1:17" s="4" customFormat="1" ht="21.95" customHeight="1" thickTop="1" thickBot="1" x14ac:dyDescent="0.2">
      <c r="A46" s="47" t="s">
        <v>58</v>
      </c>
      <c r="B46" s="48"/>
      <c r="C46" s="19">
        <v>0</v>
      </c>
      <c r="D46" s="19">
        <v>3639</v>
      </c>
      <c r="E46" s="19">
        <v>42</v>
      </c>
      <c r="F46" s="19">
        <v>1393</v>
      </c>
      <c r="G46" s="19">
        <v>0</v>
      </c>
      <c r="H46" s="19">
        <v>15297</v>
      </c>
      <c r="I46" s="19">
        <v>20371</v>
      </c>
      <c r="J46" s="27">
        <v>0</v>
      </c>
      <c r="K46" s="19">
        <v>6683</v>
      </c>
      <c r="L46" s="19">
        <v>69</v>
      </c>
      <c r="M46" s="19">
        <v>331</v>
      </c>
      <c r="N46" s="19">
        <v>1237</v>
      </c>
      <c r="O46" s="19">
        <v>16771</v>
      </c>
      <c r="P46" s="19">
        <v>25091</v>
      </c>
      <c r="Q46" s="54">
        <v>-4720</v>
      </c>
    </row>
    <row r="47" spans="1:17" s="4" customFormat="1" ht="21.95" customHeight="1" thickTop="1" thickBot="1" x14ac:dyDescent="0.2">
      <c r="A47" s="33" t="s">
        <v>59</v>
      </c>
      <c r="B47" s="34"/>
      <c r="C47" s="28">
        <v>79569</v>
      </c>
      <c r="D47" s="28">
        <v>249476</v>
      </c>
      <c r="E47" s="28">
        <v>6841</v>
      </c>
      <c r="F47" s="28">
        <v>9740</v>
      </c>
      <c r="G47" s="28">
        <v>17</v>
      </c>
      <c r="H47" s="28">
        <v>64034</v>
      </c>
      <c r="I47" s="28">
        <v>409677</v>
      </c>
      <c r="J47" s="29">
        <v>71551</v>
      </c>
      <c r="K47" s="28">
        <v>285038</v>
      </c>
      <c r="L47" s="28">
        <v>11435</v>
      </c>
      <c r="M47" s="28">
        <v>13487</v>
      </c>
      <c r="N47" s="28">
        <v>91505</v>
      </c>
      <c r="O47" s="28">
        <v>58648</v>
      </c>
      <c r="P47" s="28">
        <v>531664</v>
      </c>
      <c r="Q47" s="56">
        <v>-121987</v>
      </c>
    </row>
    <row r="48" spans="1:17" ht="16.5" customHeight="1" x14ac:dyDescent="0.15"/>
    <row r="50" spans="2:2" x14ac:dyDescent="0.15">
      <c r="B50" s="32"/>
    </row>
  </sheetData>
  <mergeCells count="7">
    <mergeCell ref="A47:B47"/>
    <mergeCell ref="A3:B5"/>
    <mergeCell ref="C3:I4"/>
    <mergeCell ref="J3:P4"/>
    <mergeCell ref="Q3:Q5"/>
    <mergeCell ref="A39:B39"/>
    <mergeCell ref="A46:B46"/>
  </mergeCells>
  <phoneticPr fontId="3"/>
  <printOptions horizontalCentered="1"/>
  <pageMargins left="0.7" right="0.7" top="0.75" bottom="0.75" header="0.3" footer="0.3"/>
  <pageSetup paperSize="9" scale="67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5表</vt:lpstr>
      <vt:lpstr>第5表!Print_Area</vt:lpstr>
      <vt:lpstr>第5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0:28:17Z</cp:lastPrinted>
  <dcterms:created xsi:type="dcterms:W3CDTF">2018-03-07T04:43:16Z</dcterms:created>
  <dcterms:modified xsi:type="dcterms:W3CDTF">2018-03-08T00:29:49Z</dcterms:modified>
</cp:coreProperties>
</file>